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9-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9-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ijssenholt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Graphics&#10;&#10;Automatisch gegenereerde beschrijving">
            <a:extLst>
              <a:ext uri="{FF2B5EF4-FFF2-40B4-BE49-F238E27FC236}">
                <a16:creationId xmlns:a16="http://schemas.microsoft.com/office/drawing/2014/main" id="{8DE09E81-50E2-1F8F-6C74-F8F1EB967DC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02546" y="4626169"/>
            <a:ext cx="3342140" cy="203202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Graphics&#10;&#10;Automatisch gegenereerde beschrijving">
            <a:extLst>
              <a:ext uri="{FF2B5EF4-FFF2-40B4-BE49-F238E27FC236}">
                <a16:creationId xmlns:a16="http://schemas.microsoft.com/office/drawing/2014/main" id="{9BE25D2A-1C7F-5D8F-D60C-7BD9AC748D9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9471" y="3664664"/>
            <a:ext cx="2604758" cy="158369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44</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3</cp:revision>
  <dcterms:created xsi:type="dcterms:W3CDTF">2019-07-30T10:24:44Z</dcterms:created>
  <dcterms:modified xsi:type="dcterms:W3CDTF">2024-02-09T15:07:29Z</dcterms:modified>
</cp:coreProperties>
</file>